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1月(2月1日現在)\"/>
    </mc:Choice>
  </mc:AlternateContent>
  <xr:revisionPtr revIDLastSave="0" documentId="13_ncr:1_{5E391352-F7EA-4E93-AE3A-B59F004F487B}" xr6:coauthVersionLast="36" xr6:coauthVersionMax="43" xr10:uidLastSave="{00000000-0000-0000-0000-000000000000}"/>
  <bookViews>
    <workbookView xWindow="0" yWindow="0" windowWidth="14670" windowHeight="1236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5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令和 4年 1月31日</t>
  </si>
  <si>
    <t>チェコ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5</v>
      </c>
    </row>
    <row r="4" spans="1:5" ht="21" x14ac:dyDescent="0.4">
      <c r="A4" s="4" t="s">
        <v>56</v>
      </c>
      <c r="D4" s="13" t="s">
        <v>57</v>
      </c>
      <c r="E4" s="3" t="s">
        <v>65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83</v>
      </c>
      <c r="C12" s="11">
        <v>31</v>
      </c>
      <c r="D12" s="12">
        <v>52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11</v>
      </c>
      <c r="D14" s="12">
        <v>4</v>
      </c>
      <c r="E14" s="7"/>
    </row>
    <row r="15" spans="1:5" ht="25.15" customHeight="1" x14ac:dyDescent="0.4">
      <c r="A15" s="7" t="s">
        <v>9</v>
      </c>
      <c r="B15" s="8">
        <v>5</v>
      </c>
      <c r="C15" s="11">
        <v>5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2</v>
      </c>
      <c r="C19" s="11">
        <v>1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0</v>
      </c>
      <c r="C20" s="11">
        <v>60</v>
      </c>
      <c r="D20" s="12">
        <v>80</v>
      </c>
      <c r="E20" s="7"/>
    </row>
    <row r="21" spans="1:5" ht="25.15" customHeight="1" x14ac:dyDescent="0.4">
      <c r="A21" s="7" t="s">
        <v>14</v>
      </c>
      <c r="B21" s="8">
        <v>44</v>
      </c>
      <c r="C21" s="11">
        <v>19</v>
      </c>
      <c r="D21" s="12">
        <v>25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6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7</v>
      </c>
      <c r="D25" s="12">
        <v>1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0</v>
      </c>
      <c r="C28" s="11">
        <v>52</v>
      </c>
      <c r="D28" s="12">
        <v>18</v>
      </c>
      <c r="E28" s="7"/>
    </row>
    <row r="29" spans="1:5" ht="25.15" customHeight="1" x14ac:dyDescent="0.4">
      <c r="A29" s="7" t="s">
        <v>20</v>
      </c>
      <c r="B29" s="8">
        <v>31</v>
      </c>
      <c r="C29" s="11">
        <v>26</v>
      </c>
      <c r="D29" s="12">
        <v>5</v>
      </c>
      <c r="E29" s="7"/>
    </row>
    <row r="30" spans="1:5" ht="25.15" customHeight="1" x14ac:dyDescent="0.4">
      <c r="A30" s="7" t="s">
        <v>62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1</v>
      </c>
      <c r="C36" s="11">
        <v>55</v>
      </c>
      <c r="D36" s="12">
        <v>46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7</v>
      </c>
      <c r="C40" s="11">
        <v>4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3</v>
      </c>
      <c r="C42" s="11">
        <v>9</v>
      </c>
      <c r="D42" s="12">
        <v>4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33</v>
      </c>
      <c r="B44" s="8">
        <v>4</v>
      </c>
      <c r="C44" s="11">
        <v>4</v>
      </c>
      <c r="D44" s="12">
        <v>0</v>
      </c>
      <c r="E44" s="7"/>
    </row>
    <row r="45" spans="1:5" ht="25.15" customHeight="1" x14ac:dyDescent="0.4">
      <c r="A45" s="7" t="s">
        <v>34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5</v>
      </c>
      <c r="B46" s="8">
        <v>61</v>
      </c>
      <c r="C46" s="11">
        <v>29</v>
      </c>
      <c r="D46" s="12">
        <v>32</v>
      </c>
      <c r="E46" s="7"/>
    </row>
    <row r="47" spans="1:5" ht="25.15" customHeight="1" x14ac:dyDescent="0.4">
      <c r="A47" s="7" t="s">
        <v>36</v>
      </c>
      <c r="B47" s="8">
        <v>343</v>
      </c>
      <c r="C47" s="11">
        <v>147</v>
      </c>
      <c r="D47" s="12">
        <v>196</v>
      </c>
      <c r="E47" s="7"/>
    </row>
    <row r="48" spans="1:5" ht="25.15" customHeight="1" x14ac:dyDescent="0.4">
      <c r="A48" s="7" t="s">
        <v>37</v>
      </c>
      <c r="B48" s="8">
        <v>2</v>
      </c>
      <c r="C48" s="11">
        <v>1</v>
      </c>
      <c r="D48" s="12">
        <v>1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8</v>
      </c>
      <c r="C50" s="11">
        <v>3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7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7</v>
      </c>
      <c r="C57" s="11">
        <v>17</v>
      </c>
      <c r="D57" s="12">
        <v>10</v>
      </c>
      <c r="E57" s="7"/>
    </row>
    <row r="58" spans="1:5" ht="25.15" customHeight="1" x14ac:dyDescent="0.4">
      <c r="A58" s="7" t="s">
        <v>45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6</v>
      </c>
      <c r="B59" s="8">
        <v>18</v>
      </c>
      <c r="C59" s="11">
        <v>9</v>
      </c>
      <c r="D59" s="12">
        <v>9</v>
      </c>
      <c r="E59" s="7"/>
    </row>
    <row r="60" spans="1:5" ht="25.15" customHeight="1" x14ac:dyDescent="0.4">
      <c r="A60" s="7" t="s">
        <v>47</v>
      </c>
      <c r="B60" s="8">
        <v>456</v>
      </c>
      <c r="C60" s="11">
        <v>350</v>
      </c>
      <c r="D60" s="12">
        <v>106</v>
      </c>
      <c r="E60" s="7"/>
    </row>
    <row r="61" spans="1:5" ht="25.15" customHeight="1" x14ac:dyDescent="0.4">
      <c r="A61" s="7" t="s">
        <v>48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49</v>
      </c>
      <c r="B62" s="8">
        <v>180</v>
      </c>
      <c r="C62" s="11">
        <v>151</v>
      </c>
      <c r="D62" s="12">
        <v>29</v>
      </c>
      <c r="E62" s="7"/>
    </row>
    <row r="63" spans="1:5" ht="25.15" customHeight="1" x14ac:dyDescent="0.4">
      <c r="A63" s="7" t="s">
        <v>50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>
        <v>1</v>
      </c>
      <c r="C64" s="11">
        <v>0</v>
      </c>
      <c r="D64" s="12">
        <v>1</v>
      </c>
      <c r="E64" s="7"/>
    </row>
    <row r="65" spans="1:5" ht="25.15" customHeight="1" x14ac:dyDescent="0.4">
      <c r="A65" s="7"/>
      <c r="B65" s="8"/>
      <c r="C65" s="11"/>
      <c r="D65" s="12"/>
      <c r="E65" s="7"/>
    </row>
    <row r="66" spans="1:5" ht="25.15" customHeight="1" x14ac:dyDescent="0.4">
      <c r="A66" s="7" t="s">
        <v>69</v>
      </c>
      <c r="B66" s="8" t="s">
        <v>69</v>
      </c>
      <c r="C66" s="11" t="s">
        <v>69</v>
      </c>
      <c r="D66" s="12" t="s">
        <v>69</v>
      </c>
      <c r="E66" s="7"/>
    </row>
    <row r="67" spans="1:5" ht="25.15" customHeight="1" x14ac:dyDescent="0.4">
      <c r="A67" s="5" t="s">
        <v>51</v>
      </c>
      <c r="B67" s="8">
        <v>1720</v>
      </c>
      <c r="C67" s="8">
        <v>1047</v>
      </c>
      <c r="D67" s="8">
        <v>673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2-02T00:47:15Z</dcterms:modified>
</cp:coreProperties>
</file>